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5F2DE9F-A5C6-463A-B373-CA67C9B8044C}" v="10" dt="2025-01-31T10:15:45.33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61" d="100"/>
          <a:sy n="61" d="100"/>
        </p:scale>
        <p:origin x="62" y="12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astasia Shimakela" userId="0f50f825-e73b-42b6-bd1f-7207a6c401a0" providerId="ADAL" clId="{95F2DE9F-A5C6-463A-B373-CA67C9B8044C}"/>
    <pc:docChg chg="modSld">
      <pc:chgData name="Anastasia Shimakela" userId="0f50f825-e73b-42b6-bd1f-7207a6c401a0" providerId="ADAL" clId="{95F2DE9F-A5C6-463A-B373-CA67C9B8044C}" dt="2025-01-31T10:15:45.338" v="10" actId="14826"/>
      <pc:docMkLst>
        <pc:docMk/>
      </pc:docMkLst>
      <pc:sldChg chg="modSp">
        <pc:chgData name="Anastasia Shimakela" userId="0f50f825-e73b-42b6-bd1f-7207a6c401a0" providerId="ADAL" clId="{95F2DE9F-A5C6-463A-B373-CA67C9B8044C}" dt="2025-01-31T10:14:42.433" v="5" actId="14826"/>
        <pc:sldMkLst>
          <pc:docMk/>
          <pc:sldMk cId="2748576720" sldId="257"/>
        </pc:sldMkLst>
        <pc:picChg chg="mod">
          <ac:chgData name="Anastasia Shimakela" userId="0f50f825-e73b-42b6-bd1f-7207a6c401a0" providerId="ADAL" clId="{95F2DE9F-A5C6-463A-B373-CA67C9B8044C}" dt="2025-01-31T10:14:42.433" v="5" actId="14826"/>
          <ac:picMkLst>
            <pc:docMk/>
            <pc:sldMk cId="2748576720" sldId="257"/>
            <ac:picMk id="2" creationId="{7E877F00-4ED8-1B71-E914-C3B6117E5A23}"/>
          </ac:picMkLst>
        </pc:picChg>
      </pc:sldChg>
      <pc:sldChg chg="modSp mod">
        <pc:chgData name="Anastasia Shimakela" userId="0f50f825-e73b-42b6-bd1f-7207a6c401a0" providerId="ADAL" clId="{95F2DE9F-A5C6-463A-B373-CA67C9B8044C}" dt="2025-01-31T10:15:37.145" v="9" actId="14826"/>
        <pc:sldMkLst>
          <pc:docMk/>
          <pc:sldMk cId="3035780936" sldId="271"/>
        </pc:sldMkLst>
        <pc:picChg chg="mod">
          <ac:chgData name="Anastasia Shimakela" userId="0f50f825-e73b-42b6-bd1f-7207a6c401a0" providerId="ADAL" clId="{95F2DE9F-A5C6-463A-B373-CA67C9B8044C}" dt="2025-01-31T10:15:37.145" v="9" actId="14826"/>
          <ac:picMkLst>
            <pc:docMk/>
            <pc:sldMk cId="3035780936" sldId="271"/>
            <ac:picMk id="10" creationId="{4F33DFF7-B3B5-0545-4577-9CF7AFE2AEA8}"/>
          </ac:picMkLst>
        </pc:picChg>
      </pc:sldChg>
      <pc:sldChg chg="modSp">
        <pc:chgData name="Anastasia Shimakela" userId="0f50f825-e73b-42b6-bd1f-7207a6c401a0" providerId="ADAL" clId="{95F2DE9F-A5C6-463A-B373-CA67C9B8044C}" dt="2025-01-31T10:15:45.338" v="10" actId="14826"/>
        <pc:sldMkLst>
          <pc:docMk/>
          <pc:sldMk cId="245014488" sldId="273"/>
        </pc:sldMkLst>
        <pc:picChg chg="mod">
          <ac:chgData name="Anastasia Shimakela" userId="0f50f825-e73b-42b6-bd1f-7207a6c401a0" providerId="ADAL" clId="{95F2DE9F-A5C6-463A-B373-CA67C9B8044C}" dt="2025-01-31T10:15:45.338" v="10" actId="14826"/>
          <ac:picMkLst>
            <pc:docMk/>
            <pc:sldMk cId="245014488" sldId="273"/>
            <ac:picMk id="4" creationId="{29FF22C3-D130-1F16-7394-0E2C24F599C8}"/>
          </ac:picMkLst>
        </pc:picChg>
      </pc:sldChg>
      <pc:sldChg chg="modSp">
        <pc:chgData name="Anastasia Shimakela" userId="0f50f825-e73b-42b6-bd1f-7207a6c401a0" providerId="ADAL" clId="{95F2DE9F-A5C6-463A-B373-CA67C9B8044C}" dt="2025-01-31T10:14:53.234" v="6" actId="14826"/>
        <pc:sldMkLst>
          <pc:docMk/>
          <pc:sldMk cId="789460267" sldId="274"/>
        </pc:sldMkLst>
        <pc:picChg chg="mod">
          <ac:chgData name="Anastasia Shimakela" userId="0f50f825-e73b-42b6-bd1f-7207a6c401a0" providerId="ADAL" clId="{95F2DE9F-A5C6-463A-B373-CA67C9B8044C}" dt="2025-01-31T10:14:53.234" v="6" actId="14826"/>
          <ac:picMkLst>
            <pc:docMk/>
            <pc:sldMk cId="789460267" sldId="274"/>
            <ac:picMk id="3" creationId="{517B06AD-F5BD-4BA8-22C8-3AE4D888444E}"/>
          </ac:picMkLst>
        </pc:picChg>
      </pc:sldChg>
    </pc:docChg>
  </pc:docChgLst>
  <pc:docChgLst>
    <pc:chgData name="Anastasia Shimakela" userId="0f50f825-e73b-42b6-bd1f-7207a6c401a0" providerId="ADAL" clId="{ECD32E26-E143-472A-975E-A12FDEA033FD}"/>
    <pc:docChg chg="undo custSel modSld">
      <pc:chgData name="Anastasia Shimakela" userId="0f50f825-e73b-42b6-bd1f-7207a6c401a0" providerId="ADAL" clId="{ECD32E26-E143-472A-975E-A12FDEA033FD}" dt="2025-01-17T12:55:36.459" v="36" actId="478"/>
      <pc:docMkLst>
        <pc:docMk/>
      </pc:docMkLst>
      <pc:sldChg chg="addSp delSp modSp mod">
        <pc:chgData name="Anastasia Shimakela" userId="0f50f825-e73b-42b6-bd1f-7207a6c401a0" providerId="ADAL" clId="{ECD32E26-E143-472A-975E-A12FDEA033FD}" dt="2025-01-17T12:53:52.703" v="10" actId="34135"/>
        <pc:sldMkLst>
          <pc:docMk/>
          <pc:sldMk cId="2748576720" sldId="257"/>
        </pc:sldMkLst>
        <pc:spChg chg="del mod modVis">
          <ac:chgData name="Anastasia Shimakela" userId="0f50f825-e73b-42b6-bd1f-7207a6c401a0" providerId="ADAL" clId="{ECD32E26-E143-472A-975E-A12FDEA033FD}" dt="2025-01-17T12:53:46.012" v="9" actId="478"/>
          <ac:spMkLst>
            <pc:docMk/>
            <pc:sldMk cId="2748576720" sldId="257"/>
            <ac:spMk id="3" creationId="{0A511108-3164-8EDB-4B1D-5FA8355F50A7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4" creationId="{B17441FC-E40F-196E-0302-C494946304D3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5" creationId="{9661103F-8A95-3ED0-A241-5035B3B372BA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6" creationId="{A0EE60F3-768B-3A6F-3A2B-B831CC791C6A}"/>
          </ac:spMkLst>
        </pc:spChg>
        <pc:spChg chg="add del mod">
          <ac:chgData name="Anastasia Shimakela" userId="0f50f825-e73b-42b6-bd1f-7207a6c401a0" providerId="ADAL" clId="{ECD32E26-E143-472A-975E-A12FDEA033FD}" dt="2025-01-17T12:52:49.474" v="5" actId="478"/>
          <ac:spMkLst>
            <pc:docMk/>
            <pc:sldMk cId="2748576720" sldId="257"/>
            <ac:spMk id="8" creationId="{EB3989EE-3E1B-7053-AE47-7787BAC21627}"/>
          </ac:spMkLst>
        </pc:spChg>
        <pc:spChg chg="add del mod">
          <ac:chgData name="Anastasia Shimakela" userId="0f50f825-e73b-42b6-bd1f-7207a6c401a0" providerId="ADAL" clId="{ECD32E26-E143-472A-975E-A12FDEA033FD}" dt="2025-01-17T12:52:49.474" v="5" actId="478"/>
          <ac:spMkLst>
            <pc:docMk/>
            <pc:sldMk cId="2748576720" sldId="257"/>
            <ac:spMk id="10" creationId="{4ADD328D-7F3E-3014-3522-C9ED669E0FAF}"/>
          </ac:spMkLst>
        </pc:spChg>
        <pc:spChg chg="add del mod">
          <ac:chgData name="Anastasia Shimakela" userId="0f50f825-e73b-42b6-bd1f-7207a6c401a0" providerId="ADAL" clId="{ECD32E26-E143-472A-975E-A12FDEA033FD}" dt="2025-01-17T12:53:46.012" v="9" actId="478"/>
          <ac:spMkLst>
            <pc:docMk/>
            <pc:sldMk cId="2748576720" sldId="257"/>
            <ac:spMk id="12" creationId="{C92A47B0-1C26-893C-3FF1-C2CA58BDE8A9}"/>
          </ac:spMkLst>
        </pc:spChg>
        <pc:spChg chg="add del mod">
          <ac:chgData name="Anastasia Shimakela" userId="0f50f825-e73b-42b6-bd1f-7207a6c401a0" providerId="ADAL" clId="{ECD32E26-E143-472A-975E-A12FDEA033FD}" dt="2025-01-17T12:53:46.012" v="9" actId="478"/>
          <ac:spMkLst>
            <pc:docMk/>
            <pc:sldMk cId="2748576720" sldId="257"/>
            <ac:spMk id="14" creationId="{C72CB58D-601E-9B74-503D-03E2348E9521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16" creationId="{A8B114A4-2918-EB2B-8534-67CCE7C155A4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18" creationId="{3303AB1C-A1C6-67B3-6D5F-F41ABB624B23}"/>
          </ac:spMkLst>
        </pc:spChg>
        <pc:spChg chg="add del">
          <ac:chgData name="Anastasia Shimakela" userId="0f50f825-e73b-42b6-bd1f-7207a6c401a0" providerId="ADAL" clId="{ECD32E26-E143-472A-975E-A12FDEA033FD}" dt="2025-01-17T12:52:57.942" v="6" actId="478"/>
          <ac:spMkLst>
            <pc:docMk/>
            <pc:sldMk cId="2748576720" sldId="257"/>
            <ac:spMk id="35" creationId="{32CEF7D5-037E-404D-B964-AAAAD721CD04}"/>
          </ac:spMkLst>
        </pc:spChg>
        <pc:picChg chg="add del mod">
          <ac:chgData name="Anastasia Shimakela" userId="0f50f825-e73b-42b6-bd1f-7207a6c401a0" providerId="ADAL" clId="{ECD32E26-E143-472A-975E-A12FDEA033FD}" dt="2025-01-17T12:53:52.703" v="10" actId="34135"/>
          <ac:picMkLst>
            <pc:docMk/>
            <pc:sldMk cId="2748576720" sldId="257"/>
            <ac:picMk id="2" creationId="{7E877F00-4ED8-1B71-E914-C3B6117E5A23}"/>
          </ac:picMkLst>
        </pc:picChg>
        <pc:picChg chg="add del">
          <ac:chgData name="Anastasia Shimakela" userId="0f50f825-e73b-42b6-bd1f-7207a6c401a0" providerId="ADAL" clId="{ECD32E26-E143-472A-975E-A12FDEA033FD}" dt="2025-01-17T12:52:57.942" v="6" actId="478"/>
          <ac:picMkLst>
            <pc:docMk/>
            <pc:sldMk cId="2748576720" sldId="257"/>
            <ac:picMk id="19" creationId="{EC45A9B1-B59E-5568-5FB6-156903F3F93F}"/>
          </ac:picMkLst>
        </pc:picChg>
        <pc:picChg chg="add del">
          <ac:chgData name="Anastasia Shimakela" userId="0f50f825-e73b-42b6-bd1f-7207a6c401a0" providerId="ADAL" clId="{ECD32E26-E143-472A-975E-A12FDEA033FD}" dt="2025-01-17T12:52:57.942" v="6" actId="478"/>
          <ac:picMkLst>
            <pc:docMk/>
            <pc:sldMk cId="2748576720" sldId="257"/>
            <ac:picMk id="30" creationId="{FF50057A-6ACE-E71A-9819-5B9B261244E0}"/>
          </ac:picMkLst>
        </pc:picChg>
      </pc:sldChg>
      <pc:sldChg chg="delSp modSp mod">
        <pc:chgData name="Anastasia Shimakela" userId="0f50f825-e73b-42b6-bd1f-7207a6c401a0" providerId="ADAL" clId="{ECD32E26-E143-472A-975E-A12FDEA033FD}" dt="2025-01-17T12:55:36.459" v="36" actId="478"/>
        <pc:sldMkLst>
          <pc:docMk/>
          <pc:sldMk cId="245014488" sldId="273"/>
        </pc:sldMkLst>
        <pc:spChg chg="del mod modVis">
          <ac:chgData name="Anastasia Shimakela" userId="0f50f825-e73b-42b6-bd1f-7207a6c401a0" providerId="ADAL" clId="{ECD32E26-E143-472A-975E-A12FDEA033FD}" dt="2025-01-17T12:55:36.459" v="36" actId="478"/>
          <ac:spMkLst>
            <pc:docMk/>
            <pc:sldMk cId="245014488" sldId="273"/>
            <ac:spMk id="5" creationId="{50866940-D0C3-8B91-41F3-2023DFBCBD6A}"/>
          </ac:spMkLst>
        </pc:spChg>
        <pc:spChg chg="del mod modVis">
          <ac:chgData name="Anastasia Shimakela" userId="0f50f825-e73b-42b6-bd1f-7207a6c401a0" providerId="ADAL" clId="{ECD32E26-E143-472A-975E-A12FDEA033FD}" dt="2025-01-17T12:55:34.571" v="34" actId="478"/>
          <ac:spMkLst>
            <pc:docMk/>
            <pc:sldMk cId="245014488" sldId="273"/>
            <ac:spMk id="6" creationId="{D6F5CB40-FF90-4C91-E662-E79C34A43D47}"/>
          </ac:spMkLst>
        </pc:spChg>
        <pc:spChg chg="del">
          <ac:chgData name="Anastasia Shimakela" userId="0f50f825-e73b-42b6-bd1f-7207a6c401a0" providerId="ADAL" clId="{ECD32E26-E143-472A-975E-A12FDEA033FD}" dt="2025-01-17T12:55:27.952" v="30" actId="478"/>
          <ac:spMkLst>
            <pc:docMk/>
            <pc:sldMk cId="245014488" sldId="273"/>
            <ac:spMk id="13" creationId="{80DD1537-C023-F9B5-D2DB-4018078B50A5}"/>
          </ac:spMkLst>
        </pc:spChg>
        <pc:spChg chg="del">
          <ac:chgData name="Anastasia Shimakela" userId="0f50f825-e73b-42b6-bd1f-7207a6c401a0" providerId="ADAL" clId="{ECD32E26-E143-472A-975E-A12FDEA033FD}" dt="2025-01-17T12:55:26.411" v="29" actId="478"/>
          <ac:spMkLst>
            <pc:docMk/>
            <pc:sldMk cId="245014488" sldId="273"/>
            <ac:spMk id="16" creationId="{07C902A9-9103-7969-CCAD-88221A12D727}"/>
          </ac:spMkLst>
        </pc:spChg>
        <pc:spChg chg="del">
          <ac:chgData name="Anastasia Shimakela" userId="0f50f825-e73b-42b6-bd1f-7207a6c401a0" providerId="ADAL" clId="{ECD32E26-E143-472A-975E-A12FDEA033FD}" dt="2025-01-17T12:55:30.244" v="31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Anastasia Shimakela" userId="0f50f825-e73b-42b6-bd1f-7207a6c401a0" providerId="ADAL" clId="{ECD32E26-E143-472A-975E-A12FDEA033FD}" dt="2025-01-17T12:55:32.906" v="32" actId="478"/>
          <ac:spMkLst>
            <pc:docMk/>
            <pc:sldMk cId="245014488" sldId="273"/>
            <ac:spMk id="35" creationId="{32CEF7D5-037E-404D-B964-AAAAD721CD04}"/>
          </ac:spMkLst>
        </pc:spChg>
        <pc:picChg chg="mod">
          <ac:chgData name="Anastasia Shimakela" userId="0f50f825-e73b-42b6-bd1f-7207a6c401a0" providerId="ADAL" clId="{ECD32E26-E143-472A-975E-A12FDEA033FD}" dt="2025-01-17T12:55:19.398" v="26" actId="14826"/>
          <ac:picMkLst>
            <pc:docMk/>
            <pc:sldMk cId="245014488" sldId="273"/>
            <ac:picMk id="4" creationId="{29FF22C3-D130-1F16-7394-0E2C24F599C8}"/>
          </ac:picMkLst>
        </pc:picChg>
        <pc:picChg chg="del">
          <ac:chgData name="Anastasia Shimakela" userId="0f50f825-e73b-42b6-bd1f-7207a6c401a0" providerId="ADAL" clId="{ECD32E26-E143-472A-975E-A12FDEA033FD}" dt="2025-01-17T12:55:25.028" v="28" actId="478"/>
          <ac:picMkLst>
            <pc:docMk/>
            <pc:sldMk cId="245014488" sldId="273"/>
            <ac:picMk id="22" creationId="{668E1159-A479-F3ED-1E3F-029FC79C3102}"/>
          </ac:picMkLst>
        </pc:picChg>
        <pc:picChg chg="del">
          <ac:chgData name="Anastasia Shimakela" userId="0f50f825-e73b-42b6-bd1f-7207a6c401a0" providerId="ADAL" clId="{ECD32E26-E143-472A-975E-A12FDEA033FD}" dt="2025-01-17T12:55:23.534" v="27" actId="478"/>
          <ac:picMkLst>
            <pc:docMk/>
            <pc:sldMk cId="245014488" sldId="273"/>
            <ac:picMk id="23" creationId="{59BEF4E6-ADBE-0380-035C-60B0498BB383}"/>
          </ac:picMkLst>
        </pc:picChg>
      </pc:sldChg>
      <pc:sldChg chg="delSp modSp mod">
        <pc:chgData name="Anastasia Shimakela" userId="0f50f825-e73b-42b6-bd1f-7207a6c401a0" providerId="ADAL" clId="{ECD32E26-E143-472A-975E-A12FDEA033FD}" dt="2025-01-17T12:54:53.039" v="23" actId="34135"/>
        <pc:sldMkLst>
          <pc:docMk/>
          <pc:sldMk cId="789460267" sldId="274"/>
        </pc:sldMkLst>
        <pc:spChg chg="del">
          <ac:chgData name="Anastasia Shimakela" userId="0f50f825-e73b-42b6-bd1f-7207a6c401a0" providerId="ADAL" clId="{ECD32E26-E143-472A-975E-A12FDEA033FD}" dt="2025-01-17T12:54:27.034" v="14" actId="478"/>
          <ac:spMkLst>
            <pc:docMk/>
            <pc:sldMk cId="789460267" sldId="274"/>
            <ac:spMk id="4" creationId="{0E2CAF9F-321E-813A-D06B-9333EFD9EB14}"/>
          </ac:spMkLst>
        </pc:spChg>
        <pc:spChg chg="mod">
          <ac:chgData name="Anastasia Shimakela" userId="0f50f825-e73b-42b6-bd1f-7207a6c401a0" providerId="ADAL" clId="{ECD32E26-E143-472A-975E-A12FDEA033FD}" dt="2025-01-17T12:54:50.108" v="22" actId="34135"/>
          <ac:spMkLst>
            <pc:docMk/>
            <pc:sldMk cId="789460267" sldId="274"/>
            <ac:spMk id="5" creationId="{3805FF7A-3484-1EDE-7EE4-BBE196BA4DB2}"/>
          </ac:spMkLst>
        </pc:spChg>
        <pc:spChg chg="mod">
          <ac:chgData name="Anastasia Shimakela" userId="0f50f825-e73b-42b6-bd1f-7207a6c401a0" providerId="ADAL" clId="{ECD32E26-E143-472A-975E-A12FDEA033FD}" dt="2025-01-17T12:54:50.108" v="22" actId="34135"/>
          <ac:spMkLst>
            <pc:docMk/>
            <pc:sldMk cId="789460267" sldId="274"/>
            <ac:spMk id="7" creationId="{22BEFDDE-4F75-E4C1-D461-F2DC7262A728}"/>
          </ac:spMkLst>
        </pc:spChg>
        <pc:spChg chg="del mod modVis">
          <ac:chgData name="Anastasia Shimakela" userId="0f50f825-e73b-42b6-bd1f-7207a6c401a0" providerId="ADAL" clId="{ECD32E26-E143-472A-975E-A12FDEA033FD}" dt="2025-01-17T12:54:43.932" v="21" actId="478"/>
          <ac:spMkLst>
            <pc:docMk/>
            <pc:sldMk cId="789460267" sldId="274"/>
            <ac:spMk id="9" creationId="{4A4B0959-596E-7443-E14D-1B978A9CCFA7}"/>
          </ac:spMkLst>
        </pc:spChg>
        <pc:spChg chg="del mod modVis">
          <ac:chgData name="Anastasia Shimakela" userId="0f50f825-e73b-42b6-bd1f-7207a6c401a0" providerId="ADAL" clId="{ECD32E26-E143-472A-975E-A12FDEA033FD}" dt="2025-01-17T12:54:40.741" v="19" actId="478"/>
          <ac:spMkLst>
            <pc:docMk/>
            <pc:sldMk cId="789460267" sldId="274"/>
            <ac:spMk id="10" creationId="{F8CFC969-B50D-35D8-F4CF-DD771476635E}"/>
          </ac:spMkLst>
        </pc:spChg>
        <pc:spChg chg="mod">
          <ac:chgData name="Anastasia Shimakela" userId="0f50f825-e73b-42b6-bd1f-7207a6c401a0" providerId="ADAL" clId="{ECD32E26-E143-472A-975E-A12FDEA033FD}" dt="2025-01-17T12:54:50.108" v="22" actId="34135"/>
          <ac:spMkLst>
            <pc:docMk/>
            <pc:sldMk cId="789460267" sldId="274"/>
            <ac:spMk id="11" creationId="{D7117594-489B-29F6-A61E-4717D1FEDA54}"/>
          </ac:spMkLst>
        </pc:spChg>
        <pc:spChg chg="del">
          <ac:chgData name="Anastasia Shimakela" userId="0f50f825-e73b-42b6-bd1f-7207a6c401a0" providerId="ADAL" clId="{ECD32E26-E143-472A-975E-A12FDEA033FD}" dt="2025-01-17T12:54:29.122" v="15" actId="478"/>
          <ac:spMkLst>
            <pc:docMk/>
            <pc:sldMk cId="789460267" sldId="274"/>
            <ac:spMk id="30" creationId="{1FCC11C5-30B0-29D7-2555-EE00887DAECF}"/>
          </ac:spMkLst>
        </pc:spChg>
        <pc:picChg chg="mod">
          <ac:chgData name="Anastasia Shimakela" userId="0f50f825-e73b-42b6-bd1f-7207a6c401a0" providerId="ADAL" clId="{ECD32E26-E143-472A-975E-A12FDEA033FD}" dt="2025-01-17T12:54:53.039" v="23" actId="34135"/>
          <ac:picMkLst>
            <pc:docMk/>
            <pc:sldMk cId="789460267" sldId="274"/>
            <ac:picMk id="3" creationId="{517B06AD-F5BD-4BA8-22C8-3AE4D888444E}"/>
          </ac:picMkLst>
        </pc:picChg>
        <pc:picChg chg="del">
          <ac:chgData name="Anastasia Shimakela" userId="0f50f825-e73b-42b6-bd1f-7207a6c401a0" providerId="ADAL" clId="{ECD32E26-E143-472A-975E-A12FDEA033FD}" dt="2025-01-17T12:54:33.972" v="17" actId="478"/>
          <ac:picMkLst>
            <pc:docMk/>
            <pc:sldMk cId="789460267" sldId="274"/>
            <ac:picMk id="8" creationId="{46DFBB2B-1A8E-05A8-5E80-3CF1EE32AE28}"/>
          </ac:picMkLst>
        </pc:picChg>
        <pc:picChg chg="del">
          <ac:chgData name="Anastasia Shimakela" userId="0f50f825-e73b-42b6-bd1f-7207a6c401a0" providerId="ADAL" clId="{ECD32E26-E143-472A-975E-A12FDEA033FD}" dt="2025-01-17T12:54:30.946" v="16" actId="478"/>
          <ac:picMkLst>
            <pc:docMk/>
            <pc:sldMk cId="789460267" sldId="274"/>
            <ac:picMk id="29" creationId="{5249BA4B-57EE-D74A-A7F7-6DF200E5B230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31/01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/31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wings-of-change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A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OCA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F33DFF7-B3B5-0545-4577-9CF7AFE2AEA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939020" y="3670259"/>
            <a:ext cx="4313284" cy="24212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9" r="7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29FF22C3-D130-1F16-7394-0E2C24F599C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438" row="2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FF80A34A-1B08-4162-889D-B40780901610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3a44c089-340b-4b84-96a7-3df286cec29e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0E44DDF92B3F0544BADF9A30D1185FA9" ma:contentTypeVersion="9" ma:contentTypeDescription="Create a new document." ma:contentTypeScope="" ma:versionID="668af569530f3f0cac924bafe0497986">
  <xsd:schema xmlns:xsd="http://www.w3.org/2001/XMLSchema" xmlns:xs="http://www.w3.org/2001/XMLSchema" xmlns:p="http://schemas.microsoft.com/office/2006/metadata/properties" xmlns:ns2="3a44c089-340b-4b84-96a7-3df286cec29e" targetNamespace="http://schemas.microsoft.com/office/2006/metadata/properties" ma:root="true" ma:fieldsID="a9036ab954571d85325b9888cee60775" ns2:_="">
    <xsd:import namespace="3a44c089-340b-4b84-96a7-3df286cec29e"/>
    <xsd:element name="properties">
      <xsd:complexType>
        <xsd:sequence>
          <xsd:element name="documentManagement">
            <xsd:complexType>
              <xsd:all>
                <xsd:element ref="ns2:lcf76f155ced4ddcb4097134ff3c332f" minOccurs="0"/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DateTaken" minOccurs="0"/>
                <xsd:element ref="ns2:MediaServiceObjectDetectorVersions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c089-340b-4b84-96a7-3df286cec29e" elementFormDefault="qualified">
    <xsd:import namespace="http://schemas.microsoft.com/office/2006/documentManagement/types"/>
    <xsd:import namespace="http://schemas.microsoft.com/office/infopath/2007/PartnerControls"/>
    <xsd:element name="lcf76f155ced4ddcb4097134ff3c332f" ma:index="9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2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DateTaken" ma:index="13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1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2006/documentManagement/types"/>
    <ds:schemaRef ds:uri="3a44c089-340b-4b84-96a7-3df286cec29e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purl.org/dc/terms/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D4E0D4E-4C4D-4527-AC7A-5B32D3AE545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a44c089-340b-4b84-96a7-3df286cec29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86</TotalTime>
  <Words>111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Anastasia Shimakela</cp:lastModifiedBy>
  <cp:revision>6</cp:revision>
  <dcterms:created xsi:type="dcterms:W3CDTF">2023-06-13T12:34:15Z</dcterms:created>
  <dcterms:modified xsi:type="dcterms:W3CDTF">2025-01-31T10:29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E44DDF92B3F0544BADF9A30D1185FA9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